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ozend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C6C8F69-D002-9194-81D6-2E2B396D4CF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222" y="4702054"/>
            <a:ext cx="1864496" cy="190924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0D2EE9B3-B56A-EB0D-E94D-C0C5BD9A18B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33411" y="3977033"/>
            <a:ext cx="1289238" cy="13201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22T13:26:45Z</dcterms:modified>
</cp:coreProperties>
</file>